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825"/>
  <workbookPr filterPrivacy="1"/>
  <xr:revisionPtr revIDLastSave="0" documentId="8_{24331CD7-2FFF-4533-A29B-CE922564513E}" xr6:coauthVersionLast="47" xr6:coauthVersionMax="47" xr10:uidLastSave="{00000000-0000-0000-0000-000000000000}"/>
  <bookViews>
    <workbookView xWindow="28680" yWindow="-120" windowWidth="29040" windowHeight="15720" firstSheet="1" activeTab="1" xr2:uid="{00000000-000D-0000-FFFF-FFFF00000000}"/>
  </bookViews>
  <sheets>
    <sheet name="Toelichting" sheetId="3" r:id="rId1"/>
    <sheet name="1. Algemene vragen" sheetId="2" r:id="rId2"/>
    <sheet name="2.a Functionaliteiten en novite" sheetId="4" r:id="rId3"/>
    <sheet name="2.b Functionalities and novelti" sheetId="5" r:id="rId4"/>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25" uniqueCount="117">
  <si>
    <t>Bijlage 2 - Concept specificaties
Marktconsultatie
audiometers</t>
  </si>
  <si>
    <t> </t>
  </si>
  <si>
    <t xml:space="preserve">Let op:
- Dit document bestaat uit 2 tabbladen!
Tablad 1: Algemene vragen
Tablad 2.a Functionaliteiten en noviteiten NLD
Tablad 2.b Functionalities and novelties ENG
</t>
  </si>
  <si>
    <r>
      <rPr>
        <b/>
        <sz val="14"/>
        <color rgb="FF000000"/>
        <rFont val="Arial"/>
      </rPr>
      <t>INSTRUCTIE:
- Tabblad "Algemene vragen" dient met JA, NEE of een korte toelichting beantwoord te worden in kolom C. 
- Tabblad "</t>
    </r>
    <r>
      <rPr>
        <b/>
        <u val="double"/>
        <sz val="14"/>
        <color rgb="FF000000"/>
        <rFont val="Arial"/>
      </rPr>
      <t>2.a Functionaliteiten en Noviteiten NLD" OF "2.b Functionalities and novelties ENG"</t>
    </r>
    <r>
      <rPr>
        <b/>
        <sz val="14"/>
        <color rgb="FF000000"/>
        <rFont val="Arial"/>
      </rPr>
      <t xml:space="preserve"> dient met JA of NEE beantwoord te worden in Kolom C. Een korte toelichting is toegestaan. 
Indien u niet aan bepaalde specificaties voldoet, maar wel voorziet dat u er binnen afzienbare periode aan kunt voldoen, kunt u dit in het toelichtingenveld aangeven, met daarbij vermeld de geschatte periode.</t>
    </r>
  </si>
  <si>
    <t>nr</t>
  </si>
  <si>
    <t>Omschrijving</t>
  </si>
  <si>
    <t>Graag beantwoorden met ja/nee of een korte toelichting</t>
  </si>
  <si>
    <t>Algemeen</t>
  </si>
  <si>
    <t>Heeft de oplossing die u voorstelt een geldige CE-markering conform MDR 2017/745?</t>
  </si>
  <si>
    <t>Kunt u 10 jaar servicing (incl software updates voor wijzigingen van het operating system) garanderen voor de oplossing die u voorstelt?</t>
  </si>
  <si>
    <t>Is de Nederlandse taal beschikbaar voor de gebruikersinterface?</t>
  </si>
  <si>
    <t>Kunt u rechten verlenen aan de partij MarYor, zodat zij met de Audiologicx software uw meetsoftware opstarten en data in kunnen lezen?</t>
  </si>
  <si>
    <t>Geef een schematische weergave van de IT-componenten en hoe deze gekoppeld kunnen kunnen worden aan Audiologicx.</t>
  </si>
  <si>
    <t>Heeft de audiometer een eigen bedieningspaneel?</t>
  </si>
  <si>
    <t>Is er de mogelijkheid tot toevoegen van eigen spraak- of testmateriaal?</t>
  </si>
  <si>
    <t>Kan de kalibratie door het Erasmus MC of een derde partij uitgevoerd worden?</t>
  </si>
  <si>
    <t>Is het mogelijk de audiometer hardware aan te sluiten op een Erasmus MC PC en daarop de meetsoftware te installeren?</t>
  </si>
  <si>
    <t>Hoe is het toegangsbeheer tot de software geregeld?</t>
  </si>
  <si>
    <t xml:space="preserve">Indien de meet PC geen 'standaard' Erasmus MC PC kan zijn, hoe is de toegang geregeld met multi factor authenticatie? </t>
  </si>
  <si>
    <t>Functionaliteit / Noviteit</t>
  </si>
  <si>
    <t>Graag beantwoorden met ja/nee  en een korte toelichting hoe u hieraan voldoet</t>
  </si>
  <si>
    <t>Toonaudiometrie</t>
  </si>
  <si>
    <t>Zijn de volgende stimuli voor de luchtgeleiding en in het vrije veld beschikbaar: pure tonen, warbles, smalle-bandruis en kindergeluiden?</t>
  </si>
  <si>
    <t>Zijn de volgende stimuli voor de beengeleiding beschikbaar: pure tonen en pulserende tonen?</t>
  </si>
  <si>
    <t>Is het beschikbare frequentiebereik voor de luchtgeleiding minimaal 125 Hz tot en met 16 kHz?</t>
  </si>
  <si>
    <t>Is het beschikbare frequentiebereik voor de insert phones minimaal 125 Hz tot en met 8 kHz?</t>
  </si>
  <si>
    <t>Is het beschikbare frequentiebereik voor de beengeleiding minimaal 250 Hz tot en met 8 kHz?</t>
  </si>
  <si>
    <t>Is er de mogelijkheid om de Webertest uit te voeren met de beengeleider?</t>
  </si>
  <si>
    <t>Zijn er aparte symbolen in het toonaudiogram voor aided en unaided metingen?</t>
  </si>
  <si>
    <t>Is het mogelijk om een stimulus aan te bieden met de ene transducer (bijvoorbeeld de beengeleider) en simultaan het contralaterale oor te maskeren met een andere transducer (bijvoorbeeld een insert phone)?</t>
  </si>
  <si>
    <t>Is het mogelijk een standaardstartwaarde voor de maskeerruis in te stellen bij de toonaudiometrie (bijvoorbeeld: luchtdrempel contralaterale oor + 10 dB)?</t>
  </si>
  <si>
    <t>Spraakaudiometrie</t>
  </si>
  <si>
    <t>Is spraakaudiometrie met de woordenlijsten van de NVA beschikbaar en is het mogelijk daarbij de foneemscores vast te leggen in plaats van woordscores?</t>
  </si>
  <si>
    <t>Is herhaling en middeling van een meting op een bepaald geluidsniveau mogelijk?</t>
  </si>
  <si>
    <t>Is het mogelijk woordlijstspecifieke maskeerruis te gebruiken?  (waarbij de maskeerruis gematcht is met het specifieke spraakmateriaal wat gebruikt wordt)</t>
  </si>
  <si>
    <t>Wordt er een vrije veld correctie toegepast bij het aanbieden van spraak met een hoofdtelefoon, zodat het spraakaudiogram onder de hoofdtelefoon overeenkomt met het spraakaudiogram in het vrije veld door middel van de GF-GC methode?</t>
  </si>
  <si>
    <t>Wordt er een inverse filter toegepast om de frequentiekarakteristiek van de transducer tegen te gaan?</t>
  </si>
  <si>
    <t>Is het mogelijk om spraak ongefilterd te meten (dus zonder gebruik te maken van een transducerspecifieke filtering)?</t>
  </si>
  <si>
    <t>Is maskering via insert phones mogelijk bij vrije veld spraakaudiometrie?</t>
  </si>
  <si>
    <t>Zijn er aparte symbolen in het spraakaudiogram voor aided en unaided metingen?</t>
  </si>
  <si>
    <t>Is spraakaudiometrie mogelijk tot en met een geluidsniveau van 110 dB SPL? Zo nee, tot welk niveau wel?</t>
  </si>
  <si>
    <t>Is vrije veld spraakaudiometrie mogelijk tot en met een geluidsniveau van 75 dB SPL? Zo nee, tot welk niveau wel?</t>
  </si>
  <si>
    <t>Is het mogelijk om bij de kalibratie van de maskeerruis voor de spraakaudiometrie deze 20 dB harder in te stellen dan het spraakniveau?</t>
  </si>
  <si>
    <t>Is het mogelijk een standaardstartwaarde voor de maskeerruis in te stellen bij de spraakaudiometrie (bijvoorbeeld: spraakniveau - 40 dB)?</t>
  </si>
  <si>
    <t>Spraak-in-ruisaudiometrie</t>
  </si>
  <si>
    <t>Is de  VU-zinnentest met een vast ruisniveau beschikbaar?</t>
  </si>
  <si>
    <r>
      <rPr>
        <sz val="11"/>
        <color rgb="FF000000"/>
        <rFont val="Aptos Narrow"/>
      </rPr>
      <t>Is het mogelijk bij de VU-zinnentest met vast ruisniveau woordscores</t>
    </r>
    <r>
      <rPr>
        <i/>
        <sz val="11"/>
        <color rgb="FF000000"/>
        <rFont val="Aptos Narrow"/>
      </rPr>
      <t xml:space="preserve"> </t>
    </r>
    <r>
      <rPr>
        <sz val="11"/>
        <color rgb="FF000000"/>
        <rFont val="Aptos Narrow"/>
      </rPr>
      <t>te meten in plaats van zinscores?</t>
    </r>
  </si>
  <si>
    <t>Is de adaptieve DIN-test beschikbaar?</t>
  </si>
  <si>
    <t>Is de adaptieve Plompzinnentest beschikbaar?</t>
  </si>
  <si>
    <t>Is de adaptieve VU-zinnentest beschikbaar?</t>
  </si>
  <si>
    <t>Is de Dutch Matrix Test beschikbaar?</t>
  </si>
  <si>
    <t>Is er de mogelijkheid tot meerkanaalsstimulatie met minimaal 3 verschillende luidsprekers (waarbij spraak en ruis uit verschillende luidsprekers kunnen komen)?</t>
  </si>
  <si>
    <t>VRA</t>
  </si>
  <si>
    <t>Is er een VRA-module beschikbaar op de audiometer (evt. via een derde partij)?</t>
  </si>
  <si>
    <t>Maakt de VRA-module gebruik van een VRA video scherm?</t>
  </si>
  <si>
    <t>Is het mogelijk eigen videoclips toe te voegen?</t>
  </si>
  <si>
    <t>Is er een VRA toy box beschikbaar bij de VRA-module?</t>
  </si>
  <si>
    <t>Overige testen en features</t>
  </si>
  <si>
    <t>Is er de mogelijkheid tot configuratie van een richtinghoorboog?</t>
  </si>
  <si>
    <t>Is er de mogelijkheid tot een lokalisatietest (met meerdere speakers in een richtinghoorboog)?</t>
  </si>
  <si>
    <t>Is er de mogelijkheid tot automatische toonaudiometrie? Zo ja, in welke vorm/test?</t>
  </si>
  <si>
    <t>Is er de mogelijkheid voor een tinnitusanalyse? Zo ja, specificeer de beschikbare stimuli (tonen, ruistypes, etc.), het frequentiebereik en de frequentieresolutie.</t>
  </si>
  <si>
    <t>Is Ambient/Background Noise Monitoring mogelijk?</t>
  </si>
  <si>
    <t>Is het meten van de Audible Contrast Threshold (ACT) mogelijk?</t>
  </si>
  <si>
    <t>Is de Adaptive Auditive Speech Test (AAST) beschikbaar?</t>
  </si>
  <si>
    <t>Is de multiple Frequency Animal Sound Test (mFAST) beschikbaar?</t>
  </si>
  <si>
    <t>Is de Threshold Equalizing Noise (TEN) test beschikbaar?</t>
  </si>
  <si>
    <t>Is de Acceptable Noise Level (ANL) test beschikbaar?</t>
  </si>
  <si>
    <t>nr.</t>
  </si>
  <si>
    <t>Functionality/novelty</t>
  </si>
  <si>
    <t>Please answer with yes/no and a short explanation</t>
  </si>
  <si>
    <t>(Pure) tone audiometry</t>
  </si>
  <si>
    <t>Are the following stimuli available for air conduction and in the free field: pure tones, warbles, narrow-band noise, and infant sounds?</t>
  </si>
  <si>
    <t>Are the following bone conduction stimuli available: pure tones and pulsed tones?</t>
  </si>
  <si>
    <t>Is the available frequency range for air conduction at least 125 Hz to 16 kHz?</t>
  </si>
  <si>
    <t>Is the available frequency range for insert phones at least 125 Hz to 8 kHz?</t>
  </si>
  <si>
    <t>Is the available frequency range for bone conduction at least 250 Hz to 8 kHz?</t>
  </si>
  <si>
    <t>Is it possible to perform the Weber test with the bone conductor?</t>
  </si>
  <si>
    <t>Are there separate symbols in the tone audiogram for aided and unaided measurements?</t>
  </si>
  <si>
    <t>Is it possible to present a stimulus with one transducer (e.g., a bone conduction) and simultaneously mask the contralateral ear with another transducer (e.g., an insert phone)?</t>
  </si>
  <si>
    <t xml:space="preserve">Is it possible to set a default starting value for the masking noise in tone audiometry (e.g., contralateral ear air threshold + 10 dB)? </t>
  </si>
  <si>
    <t>Speech Audiometry</t>
  </si>
  <si>
    <t>Is speech audiometry available with NVA word lists, and is it possible to record phoneme scores instead of word scores?</t>
  </si>
  <si>
    <t>Is it possible to repeat and average a measurement at a specific sound level?</t>
  </si>
  <si>
    <t>Is it possible to use a word-list-specific masking noise? (i.e. a masking noise with a spectrum matched to the specific speech material being used)</t>
  </si>
  <si>
    <t>Is a free-field correction using the GF-GC method applied for speech under headphones? (so that the speech audiogram measured with headphones matches the speech audiogram in the free field)</t>
  </si>
  <si>
    <t>Is an inverse filter used to counteract the frequency response of the transducer?</t>
  </si>
  <si>
    <t>Is it possible to measure speech unfiltered (i.e., without using transducer-specific filtering)?</t>
  </si>
  <si>
    <t>Is masking via insert phones possible with free-field speech audiometry?</t>
  </si>
  <si>
    <t>Are there separate symbols in the speech audiogram for aided and unaided measurements?</t>
  </si>
  <si>
    <t>Is speech audiometry possible up to a sound level of 110 dB SPL? If not, up to what level?</t>
  </si>
  <si>
    <t>Is free-field speech audiometry possible up to a sound level of 75 dB SPL? If not, up to what level?</t>
  </si>
  <si>
    <t>Is it possible to set the masking noise for speech audiometry 20 dB louder than the speech level when calibrating it?</t>
  </si>
  <si>
    <t>Is it possible to set a default starting value for the masking noise for speech audiometry (for example, speech level - 40 dB)?</t>
  </si>
  <si>
    <t>Speech-in-Noise Audiometry</t>
  </si>
  <si>
    <t>Is the VU sentence test available with a fixed noise level?</t>
  </si>
  <si>
    <t>Is it possible to measure word scores instead of sentence scores with the VU sentence test with a fixed noise level?</t>
  </si>
  <si>
    <t>Is the adaptive DIN test available?</t>
  </si>
  <si>
    <t>Is the adaptive Plomp sentence test available?</t>
  </si>
  <si>
    <t>Is the adaptive VU sentence test available?</t>
  </si>
  <si>
    <t>Is the Dutch Matrix Test available?</t>
  </si>
  <si>
    <t>Is multichannel stimulation with at least three different speakers possible (where speech and noise can come from different speakers)?</t>
  </si>
  <si>
    <t>Is a VRA module available on the audiometer (possibly through a third party)?</t>
  </si>
  <si>
    <t>Does the VRA module use a VRA video screen?</t>
  </si>
  <si>
    <t>Is it possible to add your own video clips?</t>
  </si>
  <si>
    <t>Is a VRA toy box available with the VRA module?</t>
  </si>
  <si>
    <t>Other tests and features</t>
  </si>
  <si>
    <t>Is it possible to make an setup with multiple loudspeakers for lokalisation tests or speech-in-noise tests?</t>
  </si>
  <si>
    <t>Is a localization test (with multiple speakers in a directional hearing arc) available?</t>
  </si>
  <si>
    <t>Is automatic tone audiometry available? If so, in what form/test?</t>
  </si>
  <si>
    <t>Is a tinnitus analysis available? If so, please specify the available stimuli (pure tones, types of noise, etc.), the frequency range and the frequency resolution</t>
  </si>
  <si>
    <t>Is Ambient/Background Noise Monitoring available?</t>
  </si>
  <si>
    <t>Is it possible to measure the Audible Contrast Threshold (ACT)?</t>
  </si>
  <si>
    <t>Is the Adaptive Auditory Speech Test (AAST) available?</t>
  </si>
  <si>
    <t>Is the Multiple Frequency Animal Sound Test (mFAST) available?</t>
  </si>
  <si>
    <t>Is the Threshold Equalizing Noise (TEN) test available?</t>
  </si>
  <si>
    <t>Is the Acceptable Noise Level (ANL) test availabl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5">
    <font>
      <sz val="11"/>
      <color theme="1"/>
      <name val="Aptos Narrow"/>
      <family val="2"/>
      <scheme val="minor"/>
    </font>
    <font>
      <b/>
      <sz val="14"/>
      <color theme="1"/>
      <name val="Aptos Narrow"/>
      <family val="2"/>
      <scheme val="minor"/>
    </font>
    <font>
      <sz val="11"/>
      <color theme="1"/>
      <name val="Aptos Narrow"/>
      <scheme val="minor"/>
    </font>
    <font>
      <b/>
      <sz val="18"/>
      <color rgb="FF000000"/>
      <name val="Arial"/>
    </font>
    <font>
      <sz val="11"/>
      <color rgb="FF000000"/>
      <name val="Aptos Narrow"/>
      <family val="2"/>
    </font>
    <font>
      <b/>
      <sz val="14"/>
      <color rgb="FF000000"/>
      <name val="Arial"/>
    </font>
    <font>
      <b/>
      <sz val="16"/>
      <name val="Arial"/>
      <family val="2"/>
    </font>
    <font>
      <b/>
      <sz val="14"/>
      <name val="Arial"/>
      <family val="2"/>
    </font>
    <font>
      <sz val="14"/>
      <name val="Arial"/>
      <family val="2"/>
    </font>
    <font>
      <b/>
      <sz val="11"/>
      <color theme="1"/>
      <name val="Aptos Narrow"/>
      <family val="2"/>
      <scheme val="minor"/>
    </font>
    <font>
      <b/>
      <sz val="11"/>
      <color theme="1"/>
      <name val="Aptos Narrow"/>
      <scheme val="minor"/>
    </font>
    <font>
      <sz val="11"/>
      <color rgb="FF000000"/>
      <name val="Aptos Narrow"/>
      <scheme val="minor"/>
    </font>
    <font>
      <sz val="11"/>
      <color rgb="FF000000"/>
      <name val="Aptos Narrow"/>
    </font>
    <font>
      <i/>
      <sz val="11"/>
      <color rgb="FF000000"/>
      <name val="Aptos Narrow"/>
    </font>
    <font>
      <b/>
      <u val="double"/>
      <sz val="14"/>
      <color rgb="FF000000"/>
      <name val="Arial"/>
    </font>
  </fonts>
  <fills count="7">
    <fill>
      <patternFill patternType="none"/>
    </fill>
    <fill>
      <patternFill patternType="gray125"/>
    </fill>
    <fill>
      <patternFill patternType="solid">
        <fgColor theme="7" tint="0.79998168889431442"/>
        <bgColor indexed="64"/>
      </patternFill>
    </fill>
    <fill>
      <patternFill patternType="solid">
        <fgColor rgb="FF99CCFF"/>
        <bgColor rgb="FFCCCCFF"/>
      </patternFill>
    </fill>
    <fill>
      <patternFill patternType="solid">
        <fgColor rgb="FFCCFFCC"/>
        <bgColor rgb="FFCCFFFF"/>
      </patternFill>
    </fill>
    <fill>
      <patternFill patternType="solid">
        <fgColor rgb="FFFFFFFF"/>
        <bgColor rgb="FFCCFFFF"/>
      </patternFill>
    </fill>
    <fill>
      <patternFill patternType="solid">
        <fgColor rgb="FFFFFFFF"/>
        <bgColor rgb="FFCCCCFF"/>
      </patternFill>
    </fill>
  </fills>
  <borders count="14">
    <border>
      <left/>
      <right/>
      <top/>
      <bottom/>
      <diagonal/>
    </border>
    <border>
      <left style="thin">
        <color rgb="FF000000"/>
      </left>
      <right style="thin">
        <color rgb="FF000000"/>
      </right>
      <top style="thin">
        <color rgb="FF000000"/>
      </top>
      <bottom style="thin">
        <color rgb="FF000000"/>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rgb="FF000000"/>
      </right>
      <top style="medium">
        <color indexed="64"/>
      </top>
      <bottom style="medium">
        <color indexed="64"/>
      </bottom>
      <diagonal/>
    </border>
    <border>
      <left style="medium">
        <color indexed="64"/>
      </left>
      <right/>
      <top/>
      <bottom/>
      <diagonal/>
    </border>
    <border>
      <left/>
      <right style="medium">
        <color indexed="64"/>
      </right>
      <top/>
      <bottom/>
      <diagonal/>
    </border>
    <border>
      <left/>
      <right style="medium">
        <color indexed="64"/>
      </right>
      <top style="medium">
        <color indexed="64"/>
      </top>
      <bottom style="medium">
        <color indexed="64"/>
      </bottom>
      <diagonal/>
    </border>
    <border>
      <left/>
      <right style="thin">
        <color rgb="FF000000"/>
      </right>
      <top style="thin">
        <color rgb="FF000000"/>
      </top>
      <bottom style="thin">
        <color rgb="FF000000"/>
      </bottom>
      <diagonal/>
    </border>
    <border>
      <left style="thin">
        <color rgb="FF000000"/>
      </left>
      <right/>
      <top/>
      <bottom style="thin">
        <color rgb="FF000000"/>
      </bottom>
      <diagonal/>
    </border>
    <border>
      <left style="thin">
        <color rgb="FF000000"/>
      </left>
      <right/>
      <top style="thin">
        <color rgb="FF000000"/>
      </top>
      <bottom style="thin">
        <color rgb="FF000000"/>
      </bottom>
      <diagonal/>
    </border>
    <border>
      <left/>
      <right/>
      <top style="thin">
        <color rgb="FF000000"/>
      </top>
      <bottom style="thin">
        <color rgb="FF000000"/>
      </bottom>
      <diagonal/>
    </border>
    <border>
      <left/>
      <right style="thin">
        <color rgb="FF000000"/>
      </right>
      <top/>
      <bottom/>
      <diagonal/>
    </border>
    <border>
      <left/>
      <right/>
      <top/>
      <bottom style="thin">
        <color rgb="FF000000"/>
      </bottom>
      <diagonal/>
    </border>
  </borders>
  <cellStyleXfs count="1">
    <xf numFmtId="0" fontId="0" fillId="0" borderId="0"/>
  </cellStyleXfs>
  <cellXfs count="46">
    <xf numFmtId="0" fontId="0" fillId="0" borderId="0" xfId="0"/>
    <xf numFmtId="0" fontId="0" fillId="0" borderId="1" xfId="0" applyBorder="1" applyAlignment="1">
      <alignment horizontal="center"/>
    </xf>
    <xf numFmtId="0" fontId="0" fillId="0" borderId="0" xfId="0" applyAlignment="1">
      <alignment horizontal="center"/>
    </xf>
    <xf numFmtId="0" fontId="1" fillId="2" borderId="1" xfId="0" applyFont="1" applyFill="1" applyBorder="1" applyAlignment="1">
      <alignment horizontal="center" vertical="center" wrapText="1"/>
    </xf>
    <xf numFmtId="0" fontId="1" fillId="2" borderId="1" xfId="0" applyFont="1" applyFill="1" applyBorder="1" applyAlignment="1">
      <alignment horizontal="center" vertical="center"/>
    </xf>
    <xf numFmtId="0" fontId="0" fillId="0" borderId="1" xfId="0" applyBorder="1" applyAlignment="1">
      <alignment horizontal="center" vertical="center"/>
    </xf>
    <xf numFmtId="0" fontId="2" fillId="0" borderId="1" xfId="0" applyFont="1" applyBorder="1" applyAlignment="1">
      <alignment vertical="top"/>
    </xf>
    <xf numFmtId="0" fontId="2" fillId="0" borderId="1" xfId="0" applyFont="1" applyBorder="1" applyAlignment="1">
      <alignment vertical="top" wrapText="1"/>
    </xf>
    <xf numFmtId="0" fontId="4" fillId="0" borderId="5" xfId="0" applyFont="1" applyBorder="1" applyAlignment="1">
      <alignment horizontal="center" wrapText="1"/>
    </xf>
    <xf numFmtId="0" fontId="4" fillId="0" borderId="0" xfId="0" applyFont="1" applyAlignment="1">
      <alignment horizontal="center" wrapText="1"/>
    </xf>
    <xf numFmtId="0" fontId="4" fillId="0" borderId="6" xfId="0" applyFont="1" applyBorder="1" applyAlignment="1">
      <alignment horizontal="center" wrapText="1"/>
    </xf>
    <xf numFmtId="0" fontId="8" fillId="6" borderId="6" xfId="0" applyFont="1" applyFill="1" applyBorder="1" applyAlignment="1">
      <alignment horizontal="center" wrapText="1"/>
    </xf>
    <xf numFmtId="0" fontId="6" fillId="5" borderId="5" xfId="0" applyFont="1" applyFill="1" applyBorder="1" applyAlignment="1">
      <alignment horizontal="left" wrapText="1"/>
    </xf>
    <xf numFmtId="0" fontId="6" fillId="5" borderId="0" xfId="0" applyFont="1" applyFill="1" applyAlignment="1">
      <alignment horizontal="left" wrapText="1"/>
    </xf>
    <xf numFmtId="0" fontId="7" fillId="5" borderId="0" xfId="0" applyFont="1" applyFill="1" applyAlignment="1">
      <alignment horizontal="left" wrapText="1"/>
    </xf>
    <xf numFmtId="0" fontId="8" fillId="6" borderId="0" xfId="0" applyFont="1" applyFill="1" applyAlignment="1">
      <alignment horizontal="left" wrapText="1"/>
    </xf>
    <xf numFmtId="0" fontId="0" fillId="0" borderId="1" xfId="0" applyBorder="1" applyAlignment="1">
      <alignment wrapText="1"/>
    </xf>
    <xf numFmtId="0" fontId="0" fillId="0" borderId="0" xfId="0" applyAlignment="1">
      <alignment wrapText="1"/>
    </xf>
    <xf numFmtId="0" fontId="9" fillId="2" borderId="1" xfId="0" applyFont="1" applyFill="1" applyBorder="1" applyAlignment="1">
      <alignment horizontal="center" vertical="center" wrapText="1"/>
    </xf>
    <xf numFmtId="0" fontId="0" fillId="0" borderId="8" xfId="0" applyBorder="1" applyAlignment="1">
      <alignment horizontal="left" vertical="top" wrapText="1"/>
    </xf>
    <xf numFmtId="0" fontId="10" fillId="0" borderId="1" xfId="0" applyFont="1" applyBorder="1" applyAlignment="1">
      <alignment vertical="top"/>
    </xf>
    <xf numFmtId="0" fontId="10" fillId="0" borderId="8" xfId="0" applyFont="1" applyBorder="1" applyAlignment="1">
      <alignment vertical="top" wrapText="1"/>
    </xf>
    <xf numFmtId="0" fontId="9" fillId="0" borderId="8" xfId="0" applyFont="1" applyBorder="1" applyAlignment="1">
      <alignment horizontal="left" vertical="top" wrapText="1"/>
    </xf>
    <xf numFmtId="0" fontId="12" fillId="0" borderId="0" xfId="0" applyFont="1" applyAlignment="1">
      <alignment wrapText="1"/>
    </xf>
    <xf numFmtId="0" fontId="0" fillId="0" borderId="9" xfId="0" applyBorder="1" applyAlignment="1">
      <alignment wrapText="1"/>
    </xf>
    <xf numFmtId="0" fontId="0" fillId="0" borderId="10" xfId="0" applyBorder="1" applyAlignment="1">
      <alignment wrapText="1"/>
    </xf>
    <xf numFmtId="0" fontId="0" fillId="0" borderId="11" xfId="0" applyBorder="1"/>
    <xf numFmtId="0" fontId="0" fillId="0" borderId="12" xfId="0" applyBorder="1" applyAlignment="1">
      <alignment wrapText="1"/>
    </xf>
    <xf numFmtId="0" fontId="9" fillId="0" borderId="9" xfId="0" applyFont="1" applyBorder="1" applyAlignment="1">
      <alignment wrapText="1"/>
    </xf>
    <xf numFmtId="0" fontId="11" fillId="0" borderId="9" xfId="0" applyFont="1" applyBorder="1" applyAlignment="1">
      <alignment wrapText="1"/>
    </xf>
    <xf numFmtId="0" fontId="11" fillId="0" borderId="10" xfId="0" applyFont="1" applyBorder="1" applyAlignment="1">
      <alignment wrapText="1"/>
    </xf>
    <xf numFmtId="0" fontId="9" fillId="0" borderId="1" xfId="0" applyFont="1" applyBorder="1" applyAlignment="1">
      <alignment horizontal="left" vertical="top" wrapText="1"/>
    </xf>
    <xf numFmtId="0" fontId="0" fillId="0" borderId="13" xfId="0" applyBorder="1"/>
    <xf numFmtId="0" fontId="0" fillId="0" borderId="1" xfId="0" applyBorder="1" applyAlignment="1">
      <alignment horizontal="center" vertical="top"/>
    </xf>
    <xf numFmtId="0" fontId="0" fillId="0" borderId="1" xfId="0" applyBorder="1" applyAlignment="1">
      <alignment horizontal="left" vertical="top" wrapText="1"/>
    </xf>
    <xf numFmtId="0" fontId="10" fillId="0" borderId="1" xfId="0" applyFont="1" applyBorder="1" applyAlignment="1">
      <alignment vertical="top" wrapText="1"/>
    </xf>
    <xf numFmtId="0" fontId="12" fillId="0" borderId="1" xfId="0" applyFont="1" applyBorder="1" applyAlignment="1">
      <alignment wrapText="1"/>
    </xf>
    <xf numFmtId="0" fontId="9" fillId="0" borderId="1" xfId="0" applyFont="1" applyBorder="1" applyAlignment="1">
      <alignment wrapText="1"/>
    </xf>
    <xf numFmtId="0" fontId="11" fillId="0" borderId="1" xfId="0" applyFont="1" applyBorder="1" applyAlignment="1">
      <alignment wrapText="1"/>
    </xf>
    <xf numFmtId="0" fontId="0" fillId="0" borderId="1" xfId="0" applyBorder="1"/>
    <xf numFmtId="0" fontId="3" fillId="3" borderId="2" xfId="0" applyFont="1" applyFill="1" applyBorder="1" applyAlignment="1">
      <alignment horizontal="center" vertical="center" wrapText="1"/>
    </xf>
    <xf numFmtId="0" fontId="3" fillId="3" borderId="3" xfId="0" applyFont="1" applyFill="1" applyBorder="1" applyAlignment="1">
      <alignment horizontal="center" vertical="center" wrapText="1"/>
    </xf>
    <xf numFmtId="0" fontId="3" fillId="3" borderId="4" xfId="0" applyFont="1" applyFill="1" applyBorder="1" applyAlignment="1">
      <alignment horizontal="center" vertical="center" wrapText="1"/>
    </xf>
    <xf numFmtId="0" fontId="5" fillId="4" borderId="2" xfId="0" applyFont="1" applyFill="1" applyBorder="1" applyAlignment="1">
      <alignment horizontal="left" vertical="center" wrapText="1"/>
    </xf>
    <xf numFmtId="0" fontId="5" fillId="4" borderId="3" xfId="0" applyFont="1" applyFill="1" applyBorder="1" applyAlignment="1">
      <alignment horizontal="left" vertical="center" wrapText="1"/>
    </xf>
    <xf numFmtId="0" fontId="5" fillId="4" borderId="7" xfId="0" applyFont="1" applyFill="1" applyBorder="1" applyAlignment="1">
      <alignment horizontal="left" vertical="center" wrapText="1"/>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5.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4.xml"/><Relationship Id="rId5" Type="http://schemas.openxmlformats.org/officeDocument/2006/relationships/theme" Target="theme/theme1.xml"/><Relationship Id="rId10" Type="http://schemas.openxmlformats.org/officeDocument/2006/relationships/customXml" Target="../customXml/item3.xml"/><Relationship Id="rId4" Type="http://schemas.openxmlformats.org/officeDocument/2006/relationships/worksheet" Target="worksheets/sheet4.xml"/><Relationship Id="rId9" Type="http://schemas.openxmlformats.org/officeDocument/2006/relationships/customXml" Target="../customXml/item2.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7E7FE60-1155-4470-94A7-0A4880742ECE}">
  <dimension ref="B1:G5"/>
  <sheetViews>
    <sheetView workbookViewId="0">
      <selection activeCell="B5" sqref="B5:G5"/>
    </sheetView>
  </sheetViews>
  <sheetFormatPr defaultRowHeight="15"/>
  <cols>
    <col min="7" max="7" width="44.7109375" customWidth="1"/>
  </cols>
  <sheetData>
    <row r="1" spans="2:7" ht="106.5" customHeight="1">
      <c r="B1" s="40" t="s">
        <v>0</v>
      </c>
      <c r="C1" s="41"/>
      <c r="D1" s="41"/>
      <c r="E1" s="41"/>
      <c r="F1" s="41"/>
      <c r="G1" s="42"/>
    </row>
    <row r="2" spans="2:7">
      <c r="B2" s="8" t="s">
        <v>1</v>
      </c>
      <c r="C2" s="9"/>
      <c r="D2" s="9"/>
      <c r="E2" s="9"/>
      <c r="F2" s="9"/>
      <c r="G2" s="10" t="s">
        <v>1</v>
      </c>
    </row>
    <row r="3" spans="2:7" ht="145.5" customHeight="1">
      <c r="B3" s="43" t="s">
        <v>2</v>
      </c>
      <c r="C3" s="44"/>
      <c r="D3" s="44"/>
      <c r="E3" s="44"/>
      <c r="F3" s="44"/>
      <c r="G3" s="45"/>
    </row>
    <row r="4" spans="2:7" ht="20.25">
      <c r="B4" s="12"/>
      <c r="C4" s="13" t="s">
        <v>1</v>
      </c>
      <c r="D4" s="13" t="s">
        <v>1</v>
      </c>
      <c r="E4" s="14" t="s">
        <v>1</v>
      </c>
      <c r="F4" s="15" t="s">
        <v>1</v>
      </c>
      <c r="G4" s="11" t="s">
        <v>1</v>
      </c>
    </row>
    <row r="5" spans="2:7" ht="174" customHeight="1">
      <c r="B5" s="43" t="s">
        <v>3</v>
      </c>
      <c r="C5" s="44"/>
      <c r="D5" s="44"/>
      <c r="E5" s="44"/>
      <c r="F5" s="44"/>
      <c r="G5" s="45"/>
    </row>
  </sheetData>
  <mergeCells count="3">
    <mergeCell ref="B1:G1"/>
    <mergeCell ref="B5:G5"/>
    <mergeCell ref="B3:G3"/>
  </mergeCell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AD1D75C-28FE-E748-8A92-5DC4A0F4F3E9}">
  <dimension ref="A1:C13"/>
  <sheetViews>
    <sheetView tabSelected="1" zoomScaleNormal="100" zoomScaleSheetLayoutView="100" workbookViewId="0">
      <selection activeCell="C16" sqref="C16"/>
    </sheetView>
  </sheetViews>
  <sheetFormatPr defaultRowHeight="15"/>
  <cols>
    <col min="2" max="2" width="119.85546875" bestFit="1" customWidth="1"/>
    <col min="3" max="3" width="57.5703125" style="2" customWidth="1"/>
  </cols>
  <sheetData>
    <row r="1" spans="1:3" s="2" customFormat="1" ht="37.5" customHeight="1">
      <c r="A1" s="4" t="s">
        <v>4</v>
      </c>
      <c r="B1" s="4" t="s">
        <v>5</v>
      </c>
      <c r="C1" s="3" t="s">
        <v>6</v>
      </c>
    </row>
    <row r="2" spans="1:3" s="2" customFormat="1">
      <c r="A2" s="5"/>
      <c r="B2" s="20" t="s">
        <v>7</v>
      </c>
      <c r="C2" s="1"/>
    </row>
    <row r="3" spans="1:3" s="2" customFormat="1">
      <c r="A3" s="5">
        <v>1</v>
      </c>
      <c r="B3" s="6" t="s">
        <v>8</v>
      </c>
      <c r="C3" s="1"/>
    </row>
    <row r="4" spans="1:3" ht="16.5" customHeight="1">
      <c r="A4" s="5">
        <v>2</v>
      </c>
      <c r="B4" s="7" t="s">
        <v>9</v>
      </c>
      <c r="C4" s="1"/>
    </row>
    <row r="5" spans="1:3">
      <c r="A5" s="5">
        <v>3</v>
      </c>
      <c r="B5" s="6" t="s">
        <v>10</v>
      </c>
      <c r="C5" s="1"/>
    </row>
    <row r="6" spans="1:3">
      <c r="A6" s="5">
        <v>4</v>
      </c>
      <c r="B6" s="6" t="s">
        <v>11</v>
      </c>
      <c r="C6" s="1"/>
    </row>
    <row r="7" spans="1:3">
      <c r="A7" s="5">
        <v>5</v>
      </c>
      <c r="B7" s="6" t="s">
        <v>12</v>
      </c>
      <c r="C7" s="1"/>
    </row>
    <row r="8" spans="1:3">
      <c r="A8" s="5">
        <v>6</v>
      </c>
      <c r="B8" s="7" t="s">
        <v>13</v>
      </c>
      <c r="C8" s="1"/>
    </row>
    <row r="9" spans="1:3">
      <c r="A9" s="5">
        <v>7</v>
      </c>
      <c r="B9" s="7" t="s">
        <v>14</v>
      </c>
      <c r="C9" s="1"/>
    </row>
    <row r="10" spans="1:3">
      <c r="A10" s="5">
        <v>8</v>
      </c>
      <c r="B10" s="26" t="s">
        <v>15</v>
      </c>
      <c r="C10" s="1"/>
    </row>
    <row r="11" spans="1:3" ht="14.25" customHeight="1">
      <c r="A11" s="5">
        <v>9</v>
      </c>
      <c r="B11" s="7" t="s">
        <v>16</v>
      </c>
      <c r="C11" s="1"/>
    </row>
    <row r="12" spans="1:3">
      <c r="A12" s="5">
        <v>10</v>
      </c>
      <c r="B12" s="32" t="s">
        <v>17</v>
      </c>
      <c r="C12" s="1"/>
    </row>
    <row r="13" spans="1:3">
      <c r="A13" s="5">
        <v>11</v>
      </c>
      <c r="B13" s="32" t="s">
        <v>18</v>
      </c>
      <c r="C13" s="1"/>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3A071E1-AA31-45AC-B37F-941A0F2C85E7}">
  <dimension ref="A1:C48"/>
  <sheetViews>
    <sheetView topLeftCell="A20" workbookViewId="0">
      <selection activeCell="B14" sqref="B14"/>
    </sheetView>
  </sheetViews>
  <sheetFormatPr defaultRowHeight="15"/>
  <cols>
    <col min="2" max="2" width="88" style="17" customWidth="1"/>
    <col min="3" max="3" width="50.7109375" style="17" customWidth="1"/>
  </cols>
  <sheetData>
    <row r="1" spans="1:3" ht="36">
      <c r="A1" s="4" t="s">
        <v>4</v>
      </c>
      <c r="B1" s="18" t="s">
        <v>19</v>
      </c>
      <c r="C1" s="3" t="s">
        <v>20</v>
      </c>
    </row>
    <row r="2" spans="1:3">
      <c r="A2" s="33">
        <v>1</v>
      </c>
      <c r="B2" s="20" t="s">
        <v>21</v>
      </c>
      <c r="C2" s="16"/>
    </row>
    <row r="3" spans="1:3" ht="29.25">
      <c r="A3" s="33">
        <v>2</v>
      </c>
      <c r="B3" s="7" t="s">
        <v>22</v>
      </c>
      <c r="C3" s="16"/>
    </row>
    <row r="4" spans="1:3">
      <c r="A4" s="33">
        <v>3</v>
      </c>
      <c r="B4" s="6" t="s">
        <v>23</v>
      </c>
      <c r="C4" s="16"/>
    </row>
    <row r="5" spans="1:3">
      <c r="A5" s="33">
        <v>4</v>
      </c>
      <c r="B5" s="7" t="s">
        <v>24</v>
      </c>
      <c r="C5" s="16"/>
    </row>
    <row r="6" spans="1:3">
      <c r="A6" s="33">
        <v>5</v>
      </c>
      <c r="B6" s="7" t="s">
        <v>25</v>
      </c>
      <c r="C6" s="16"/>
    </row>
    <row r="7" spans="1:3">
      <c r="A7" s="33">
        <v>6</v>
      </c>
      <c r="B7" s="7" t="s">
        <v>26</v>
      </c>
      <c r="C7" s="16"/>
    </row>
    <row r="8" spans="1:3">
      <c r="A8" s="33">
        <v>7</v>
      </c>
      <c r="B8" s="6" t="s">
        <v>27</v>
      </c>
      <c r="C8" s="16"/>
    </row>
    <row r="9" spans="1:3">
      <c r="A9" s="33">
        <v>8</v>
      </c>
      <c r="B9" s="6" t="s">
        <v>28</v>
      </c>
      <c r="C9" s="16"/>
    </row>
    <row r="10" spans="1:3" ht="43.5">
      <c r="A10" s="33">
        <v>9</v>
      </c>
      <c r="B10" s="7" t="s">
        <v>29</v>
      </c>
      <c r="C10" s="16"/>
    </row>
    <row r="11" spans="1:3" ht="29.25">
      <c r="A11" s="33">
        <v>10</v>
      </c>
      <c r="B11" s="34" t="s">
        <v>30</v>
      </c>
      <c r="C11" s="16"/>
    </row>
    <row r="12" spans="1:3">
      <c r="A12" s="33"/>
      <c r="B12" s="35" t="s">
        <v>31</v>
      </c>
      <c r="C12" s="16"/>
    </row>
    <row r="13" spans="1:3" ht="29.25">
      <c r="A13" s="33">
        <v>11</v>
      </c>
      <c r="B13" s="34" t="s">
        <v>32</v>
      </c>
      <c r="C13" s="16"/>
    </row>
    <row r="14" spans="1:3">
      <c r="A14" s="33">
        <v>12</v>
      </c>
      <c r="B14" s="34" t="s">
        <v>33</v>
      </c>
      <c r="C14" s="16"/>
    </row>
    <row r="15" spans="1:3" ht="29.25">
      <c r="A15" s="33">
        <v>13</v>
      </c>
      <c r="B15" s="34" t="s">
        <v>34</v>
      </c>
      <c r="C15" s="16"/>
    </row>
    <row r="16" spans="1:3" ht="43.5">
      <c r="A16" s="33">
        <v>14</v>
      </c>
      <c r="B16" s="34" t="s">
        <v>35</v>
      </c>
      <c r="C16" s="16"/>
    </row>
    <row r="17" spans="1:3">
      <c r="A17" s="33">
        <v>15</v>
      </c>
      <c r="B17" s="34" t="s">
        <v>36</v>
      </c>
      <c r="C17" s="16"/>
    </row>
    <row r="18" spans="1:3" ht="29.25">
      <c r="A18" s="33">
        <v>16</v>
      </c>
      <c r="B18" s="34" t="s">
        <v>37</v>
      </c>
      <c r="C18" s="16"/>
    </row>
    <row r="19" spans="1:3">
      <c r="A19" s="33">
        <v>17</v>
      </c>
      <c r="B19" s="34" t="s">
        <v>38</v>
      </c>
      <c r="C19" s="16"/>
    </row>
    <row r="20" spans="1:3" ht="19.5" customHeight="1">
      <c r="A20" s="33">
        <v>18</v>
      </c>
      <c r="B20" s="6" t="s">
        <v>39</v>
      </c>
      <c r="C20" s="16"/>
    </row>
    <row r="21" spans="1:3" ht="16.5" customHeight="1">
      <c r="A21" s="33">
        <v>19</v>
      </c>
      <c r="B21" s="34" t="s">
        <v>40</v>
      </c>
      <c r="C21" s="16"/>
    </row>
    <row r="22" spans="1:3" ht="29.25">
      <c r="A22" s="33">
        <v>20</v>
      </c>
      <c r="B22" s="34" t="s">
        <v>41</v>
      </c>
      <c r="C22" s="16"/>
    </row>
    <row r="23" spans="1:3" ht="29.25">
      <c r="A23" s="33">
        <v>21</v>
      </c>
      <c r="B23" s="34" t="s">
        <v>42</v>
      </c>
      <c r="C23" s="16"/>
    </row>
    <row r="24" spans="1:3" ht="29.25">
      <c r="A24" s="33">
        <v>22</v>
      </c>
      <c r="B24" s="34" t="s">
        <v>43</v>
      </c>
      <c r="C24" s="16"/>
    </row>
    <row r="25" spans="1:3">
      <c r="A25" s="33"/>
      <c r="B25" s="31" t="s">
        <v>44</v>
      </c>
      <c r="C25" s="16"/>
    </row>
    <row r="26" spans="1:3">
      <c r="A26" s="33">
        <v>23</v>
      </c>
      <c r="B26" s="34" t="s">
        <v>45</v>
      </c>
      <c r="C26" s="16"/>
    </row>
    <row r="27" spans="1:3">
      <c r="A27" s="33">
        <v>24</v>
      </c>
      <c r="B27" s="36" t="s">
        <v>46</v>
      </c>
      <c r="C27" s="16"/>
    </row>
    <row r="28" spans="1:3">
      <c r="A28" s="33">
        <v>25</v>
      </c>
      <c r="B28" s="34" t="s">
        <v>47</v>
      </c>
      <c r="C28" s="16"/>
    </row>
    <row r="29" spans="1:3">
      <c r="A29" s="33">
        <v>26</v>
      </c>
      <c r="B29" s="34" t="s">
        <v>48</v>
      </c>
      <c r="C29" s="16"/>
    </row>
    <row r="30" spans="1:3">
      <c r="A30" s="33">
        <v>27</v>
      </c>
      <c r="B30" s="34" t="s">
        <v>49</v>
      </c>
      <c r="C30" s="16"/>
    </row>
    <row r="31" spans="1:3">
      <c r="A31" s="33">
        <v>28</v>
      </c>
      <c r="B31" s="16" t="s">
        <v>50</v>
      </c>
      <c r="C31" s="16"/>
    </row>
    <row r="32" spans="1:3" ht="29.25">
      <c r="A32" s="33">
        <v>29</v>
      </c>
      <c r="B32" s="16" t="s">
        <v>51</v>
      </c>
      <c r="C32" s="16"/>
    </row>
    <row r="33" spans="1:3">
      <c r="A33" s="33"/>
      <c r="B33" s="37" t="s">
        <v>52</v>
      </c>
      <c r="C33" s="16"/>
    </row>
    <row r="34" spans="1:3">
      <c r="A34" s="33">
        <v>30</v>
      </c>
      <c r="B34" s="38" t="s">
        <v>53</v>
      </c>
      <c r="C34" s="16"/>
    </row>
    <row r="35" spans="1:3">
      <c r="A35" s="33">
        <v>31</v>
      </c>
      <c r="B35" s="16" t="s">
        <v>54</v>
      </c>
      <c r="C35" s="16"/>
    </row>
    <row r="36" spans="1:3">
      <c r="A36" s="33">
        <v>32</v>
      </c>
      <c r="B36" s="38" t="s">
        <v>55</v>
      </c>
      <c r="C36" s="16"/>
    </row>
    <row r="37" spans="1:3">
      <c r="A37" s="33">
        <v>33</v>
      </c>
      <c r="B37" s="38" t="s">
        <v>56</v>
      </c>
      <c r="C37" s="16"/>
    </row>
    <row r="38" spans="1:3">
      <c r="A38" s="39"/>
      <c r="B38" s="31" t="s">
        <v>57</v>
      </c>
      <c r="C38" s="16"/>
    </row>
    <row r="39" spans="1:3">
      <c r="A39" s="33">
        <v>34</v>
      </c>
      <c r="B39" s="34" t="s">
        <v>58</v>
      </c>
      <c r="C39" s="16"/>
    </row>
    <row r="40" spans="1:3">
      <c r="A40" s="33">
        <v>35</v>
      </c>
      <c r="B40" s="34" t="s">
        <v>59</v>
      </c>
      <c r="C40" s="16"/>
    </row>
    <row r="41" spans="1:3">
      <c r="A41" s="33">
        <v>36</v>
      </c>
      <c r="B41" s="7" t="s">
        <v>60</v>
      </c>
      <c r="C41" s="16"/>
    </row>
    <row r="42" spans="1:3" ht="29.25">
      <c r="A42" s="33">
        <v>37</v>
      </c>
      <c r="B42" s="7" t="s">
        <v>61</v>
      </c>
      <c r="C42" s="16"/>
    </row>
    <row r="43" spans="1:3">
      <c r="A43" s="33">
        <v>38</v>
      </c>
      <c r="B43" s="34" t="s">
        <v>62</v>
      </c>
      <c r="C43" s="16"/>
    </row>
    <row r="44" spans="1:3">
      <c r="A44" s="33">
        <v>39</v>
      </c>
      <c r="B44" s="34" t="s">
        <v>63</v>
      </c>
      <c r="C44" s="16"/>
    </row>
    <row r="45" spans="1:3">
      <c r="A45" s="33">
        <v>40</v>
      </c>
      <c r="B45" s="34" t="s">
        <v>64</v>
      </c>
      <c r="C45" s="16"/>
    </row>
    <row r="46" spans="1:3">
      <c r="A46" s="33">
        <v>41</v>
      </c>
      <c r="B46" s="34" t="s">
        <v>65</v>
      </c>
      <c r="C46" s="16"/>
    </row>
    <row r="47" spans="1:3">
      <c r="A47" s="33">
        <v>42</v>
      </c>
      <c r="B47" s="34" t="s">
        <v>66</v>
      </c>
      <c r="C47" s="16"/>
    </row>
    <row r="48" spans="1:3">
      <c r="A48" s="33">
        <v>43</v>
      </c>
      <c r="B48" s="34" t="s">
        <v>67</v>
      </c>
      <c r="C48" s="16"/>
    </row>
  </sheetData>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A9EE98C-9998-4BF9-A104-B581805ABC9C}">
  <dimension ref="A1:C48"/>
  <sheetViews>
    <sheetView workbookViewId="0">
      <selection activeCell="B43" sqref="B43"/>
    </sheetView>
  </sheetViews>
  <sheetFormatPr defaultRowHeight="15"/>
  <cols>
    <col min="1" max="1" width="8.5703125" customWidth="1"/>
    <col min="2" max="2" width="85" customWidth="1"/>
    <col min="3" max="3" width="46.85546875" customWidth="1"/>
    <col min="5" max="5" width="115.28515625" customWidth="1"/>
  </cols>
  <sheetData>
    <row r="1" spans="1:3" ht="36">
      <c r="A1" s="4" t="s">
        <v>68</v>
      </c>
      <c r="B1" s="18" t="s">
        <v>69</v>
      </c>
      <c r="C1" s="3" t="s">
        <v>70</v>
      </c>
    </row>
    <row r="2" spans="1:3">
      <c r="A2" s="33">
        <v>1</v>
      </c>
      <c r="B2" s="20" t="s">
        <v>71</v>
      </c>
      <c r="C2" s="16"/>
    </row>
    <row r="3" spans="1:3" ht="29.25">
      <c r="A3" s="33">
        <v>2</v>
      </c>
      <c r="B3" s="7" t="s">
        <v>72</v>
      </c>
      <c r="C3" s="16"/>
    </row>
    <row r="4" spans="1:3">
      <c r="A4" s="33">
        <v>3</v>
      </c>
      <c r="B4" s="6" t="s">
        <v>73</v>
      </c>
      <c r="C4" s="16"/>
    </row>
    <row r="5" spans="1:3">
      <c r="A5" s="33">
        <v>4</v>
      </c>
      <c r="B5" s="7" t="s">
        <v>74</v>
      </c>
      <c r="C5" s="16"/>
    </row>
    <row r="6" spans="1:3">
      <c r="A6" s="33">
        <v>5</v>
      </c>
      <c r="B6" s="7" t="s">
        <v>75</v>
      </c>
      <c r="C6" s="16"/>
    </row>
    <row r="7" spans="1:3">
      <c r="A7" s="33">
        <v>6</v>
      </c>
      <c r="B7" s="7" t="s">
        <v>76</v>
      </c>
      <c r="C7" s="16"/>
    </row>
    <row r="8" spans="1:3">
      <c r="A8" s="33">
        <v>7</v>
      </c>
      <c r="B8" s="6" t="s">
        <v>77</v>
      </c>
      <c r="C8" s="16"/>
    </row>
    <row r="9" spans="1:3">
      <c r="A9" s="33">
        <v>8</v>
      </c>
      <c r="B9" s="6" t="s">
        <v>78</v>
      </c>
      <c r="C9" s="16"/>
    </row>
    <row r="10" spans="1:3" ht="29.25">
      <c r="A10" s="33">
        <v>9</v>
      </c>
      <c r="B10" s="7" t="s">
        <v>79</v>
      </c>
      <c r="C10" s="16"/>
    </row>
    <row r="11" spans="1:3" ht="29.25">
      <c r="A11" s="33">
        <v>10</v>
      </c>
      <c r="B11" s="19" t="s">
        <v>80</v>
      </c>
      <c r="C11" s="16"/>
    </row>
    <row r="12" spans="1:3">
      <c r="A12" s="33"/>
      <c r="B12" s="21" t="s">
        <v>81</v>
      </c>
      <c r="C12" s="16"/>
    </row>
    <row r="13" spans="1:3" ht="29.25">
      <c r="A13" s="33">
        <v>11</v>
      </c>
      <c r="B13" s="19" t="s">
        <v>82</v>
      </c>
      <c r="C13" s="16"/>
    </row>
    <row r="14" spans="1:3">
      <c r="A14" s="33">
        <v>12</v>
      </c>
      <c r="B14" s="19" t="s">
        <v>83</v>
      </c>
      <c r="C14" s="16"/>
    </row>
    <row r="15" spans="1:3" ht="29.25">
      <c r="A15" s="33">
        <v>13</v>
      </c>
      <c r="B15" s="19" t="s">
        <v>84</v>
      </c>
      <c r="C15" s="16"/>
    </row>
    <row r="16" spans="1:3" ht="29.25">
      <c r="A16" s="33">
        <v>14</v>
      </c>
      <c r="B16" s="19" t="s">
        <v>85</v>
      </c>
      <c r="C16" s="16"/>
    </row>
    <row r="17" spans="1:3">
      <c r="A17" s="33">
        <v>15</v>
      </c>
      <c r="B17" s="19" t="s">
        <v>86</v>
      </c>
      <c r="C17" s="16"/>
    </row>
    <row r="18" spans="1:3">
      <c r="A18" s="33">
        <v>16</v>
      </c>
      <c r="B18" s="19" t="s">
        <v>87</v>
      </c>
      <c r="C18" s="16"/>
    </row>
    <row r="19" spans="1:3">
      <c r="A19" s="33">
        <v>17</v>
      </c>
      <c r="B19" s="19" t="s">
        <v>88</v>
      </c>
      <c r="C19" s="16"/>
    </row>
    <row r="20" spans="1:3">
      <c r="A20" s="33">
        <v>18</v>
      </c>
      <c r="B20" s="6" t="s">
        <v>89</v>
      </c>
      <c r="C20" s="16"/>
    </row>
    <row r="21" spans="1:3">
      <c r="A21" s="33">
        <v>19</v>
      </c>
      <c r="B21" s="19" t="s">
        <v>90</v>
      </c>
      <c r="C21" s="16"/>
    </row>
    <row r="22" spans="1:3">
      <c r="A22" s="33">
        <v>20</v>
      </c>
      <c r="B22" s="19" t="s">
        <v>91</v>
      </c>
      <c r="C22" s="16"/>
    </row>
    <row r="23" spans="1:3" ht="29.25">
      <c r="A23" s="33">
        <v>21</v>
      </c>
      <c r="B23" s="19" t="s">
        <v>92</v>
      </c>
      <c r="C23" s="16"/>
    </row>
    <row r="24" spans="1:3" ht="29.25">
      <c r="A24" s="33">
        <v>22</v>
      </c>
      <c r="B24" s="19" t="s">
        <v>93</v>
      </c>
      <c r="C24" s="16"/>
    </row>
    <row r="25" spans="1:3">
      <c r="A25" s="33"/>
      <c r="B25" s="22" t="s">
        <v>94</v>
      </c>
      <c r="C25" s="16"/>
    </row>
    <row r="26" spans="1:3">
      <c r="A26" s="33">
        <v>23</v>
      </c>
      <c r="B26" s="19" t="s">
        <v>95</v>
      </c>
      <c r="C26" s="16"/>
    </row>
    <row r="27" spans="1:3" ht="29.25">
      <c r="A27" s="33">
        <v>24</v>
      </c>
      <c r="B27" s="23" t="s">
        <v>96</v>
      </c>
      <c r="C27" s="16"/>
    </row>
    <row r="28" spans="1:3">
      <c r="A28" s="33">
        <v>25</v>
      </c>
      <c r="B28" s="19" t="s">
        <v>97</v>
      </c>
      <c r="C28" s="16"/>
    </row>
    <row r="29" spans="1:3">
      <c r="A29" s="33">
        <v>26</v>
      </c>
      <c r="B29" s="19" t="s">
        <v>98</v>
      </c>
      <c r="C29" s="16"/>
    </row>
    <row r="30" spans="1:3">
      <c r="A30" s="33">
        <v>27</v>
      </c>
      <c r="B30" s="19" t="s">
        <v>99</v>
      </c>
      <c r="C30" s="27"/>
    </row>
    <row r="31" spans="1:3">
      <c r="A31" s="33">
        <v>28</v>
      </c>
      <c r="B31" s="25" t="s">
        <v>100</v>
      </c>
      <c r="C31" s="16"/>
    </row>
    <row r="32" spans="1:3" ht="29.25">
      <c r="A32" s="33">
        <v>29</v>
      </c>
      <c r="B32" s="24" t="s">
        <v>101</v>
      </c>
      <c r="C32" s="16"/>
    </row>
    <row r="33" spans="1:3">
      <c r="A33" s="33"/>
      <c r="B33" s="28" t="s">
        <v>52</v>
      </c>
      <c r="C33" s="16"/>
    </row>
    <row r="34" spans="1:3">
      <c r="A34" s="33">
        <v>30</v>
      </c>
      <c r="B34" s="29" t="s">
        <v>102</v>
      </c>
      <c r="C34" s="16"/>
    </row>
    <row r="35" spans="1:3">
      <c r="A35" s="33">
        <v>31</v>
      </c>
      <c r="B35" s="17" t="s">
        <v>103</v>
      </c>
      <c r="C35" s="16"/>
    </row>
    <row r="36" spans="1:3">
      <c r="A36" s="33">
        <v>32</v>
      </c>
      <c r="B36" s="30" t="s">
        <v>104</v>
      </c>
      <c r="C36" s="16"/>
    </row>
    <row r="37" spans="1:3">
      <c r="A37" s="33">
        <v>33</v>
      </c>
      <c r="B37" s="30" t="s">
        <v>105</v>
      </c>
      <c r="C37" s="16"/>
    </row>
    <row r="38" spans="1:3">
      <c r="A38" s="39"/>
      <c r="B38" s="31" t="s">
        <v>106</v>
      </c>
      <c r="C38" s="16"/>
    </row>
    <row r="39" spans="1:3" ht="29.25">
      <c r="A39" s="33">
        <v>34</v>
      </c>
      <c r="B39" s="19" t="s">
        <v>107</v>
      </c>
      <c r="C39" s="16"/>
    </row>
    <row r="40" spans="1:3">
      <c r="A40" s="33">
        <v>35</v>
      </c>
      <c r="B40" s="19" t="s">
        <v>108</v>
      </c>
      <c r="C40" s="16"/>
    </row>
    <row r="41" spans="1:3">
      <c r="A41" s="33">
        <v>36</v>
      </c>
      <c r="B41" s="7" t="s">
        <v>109</v>
      </c>
      <c r="C41" s="16"/>
    </row>
    <row r="42" spans="1:3" ht="29.25">
      <c r="A42" s="33">
        <v>37</v>
      </c>
      <c r="B42" s="7" t="s">
        <v>110</v>
      </c>
      <c r="C42" s="16"/>
    </row>
    <row r="43" spans="1:3">
      <c r="A43" s="33">
        <v>38</v>
      </c>
      <c r="B43" s="19" t="s">
        <v>111</v>
      </c>
      <c r="C43" s="16"/>
    </row>
    <row r="44" spans="1:3">
      <c r="A44" s="33">
        <v>39</v>
      </c>
      <c r="B44" s="19" t="s">
        <v>112</v>
      </c>
      <c r="C44" s="16"/>
    </row>
    <row r="45" spans="1:3">
      <c r="A45" s="33">
        <v>40</v>
      </c>
      <c r="B45" s="19" t="s">
        <v>113</v>
      </c>
      <c r="C45" s="16"/>
    </row>
    <row r="46" spans="1:3">
      <c r="A46" s="33">
        <v>41</v>
      </c>
      <c r="B46" s="19" t="s">
        <v>114</v>
      </c>
      <c r="C46" s="16"/>
    </row>
    <row r="47" spans="1:3">
      <c r="A47" s="33">
        <v>42</v>
      </c>
      <c r="B47" s="19" t="s">
        <v>115</v>
      </c>
      <c r="C47" s="16"/>
    </row>
    <row r="48" spans="1:3">
      <c r="A48" s="33">
        <v>43</v>
      </c>
      <c r="B48" s="19" t="s">
        <v>116</v>
      </c>
      <c r="C48" s="16"/>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D0D87648C952CE42BFA76C68F1893332" ma:contentTypeVersion="3" ma:contentTypeDescription="Een nieuw document maken." ma:contentTypeScope="" ma:versionID="07220076dd982889f891167a8af2e04d">
  <xsd:schema xmlns:xsd="http://www.w3.org/2001/XMLSchema" xmlns:xs="http://www.w3.org/2001/XMLSchema" xmlns:p="http://schemas.microsoft.com/office/2006/metadata/properties" xmlns:ns2="13975e0a-5532-450f-bc8d-93c98a6b3b89" targetNamespace="http://schemas.microsoft.com/office/2006/metadata/properties" ma:root="true" ma:fieldsID="6e953c7128fe77af2685dfcbafb6c63a" ns2:_="">
    <xsd:import namespace="13975e0a-5532-450f-bc8d-93c98a6b3b89"/>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3975e0a-5532-450f-bc8d-93c98a6b3b8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9A8702DC-4371-42AF-8F1A-9019A8E80905}"/>
</file>

<file path=customXml/itemProps2.xml><?xml version="1.0" encoding="utf-8"?>
<ds:datastoreItem xmlns:ds="http://schemas.openxmlformats.org/officeDocument/2006/customXml" ds:itemID="{0B4EBB1A-8DDC-4E5B-AF22-2F7F90AB7DEC}"/>
</file>

<file path=customXml/itemProps3.xml><?xml version="1.0" encoding="utf-8"?>
<ds:datastoreItem xmlns:ds="http://schemas.openxmlformats.org/officeDocument/2006/customXml" ds:itemID="{96360619-E436-43CC-9BE9-A3633F8625D4}"/>
</file>

<file path=customXml/itemProps4.xml><?xml version="1.0" encoding="utf-8"?>
<ds:datastoreItem xmlns:ds="http://schemas.openxmlformats.org/officeDocument/2006/customXml" ds:itemID="{57BDFBEA-AC99-494E-B4AC-B406D5E20D32}"/>
</file>

<file path=customXml/itemProps5.xml><?xml version="1.0" encoding="utf-8"?>
<ds:datastoreItem xmlns:ds="http://schemas.openxmlformats.org/officeDocument/2006/customXml" ds:itemID="{4AA36A76-3B54-468A-BBF8-2CAC56C26734}"/>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8-05T07:06:25Z</dcterms:created>
  <dcterms:modified xsi:type="dcterms:W3CDTF">2026-03-04T12:48:53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970965601778925958</vt:lpwstr>
  </property>
  <property fmtid="{D5CDD505-2E9C-101B-9397-08002B2CF9AE}" pid="4" name="TemplafyUserProfileId">
    <vt:lpwstr>637733368326030082</vt:lpwstr>
  </property>
  <property fmtid="{D5CDD505-2E9C-101B-9397-08002B2CF9AE}" pid="5" name="TemplafyFromBlank">
    <vt:bool>true</vt:bool>
  </property>
  <property fmtid="{D5CDD505-2E9C-101B-9397-08002B2CF9AE}" pid="6" name="ContentTypeId">
    <vt:lpwstr>0x010100D0D87648C952CE42BFA76C68F1893332</vt:lpwstr>
  </property>
</Properties>
</file>